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ACC09928-2B2E-473F-9093-D460E367A9B9}" xr6:coauthVersionLast="36" xr6:coauthVersionMax="47" xr10:uidLastSave="{00000000-0000-0000-0000-000000000000}"/>
  <bookViews>
    <workbookView xWindow="1815" yWindow="1815" windowWidth="23670" windowHeight="12750" xr2:uid="{00000000-000D-0000-FFFF-FFFF00000000}"/>
  </bookViews>
  <sheets>
    <sheet name="ColorTemp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4" uniqueCount="10">
  <si>
    <t>ID</t>
  </si>
  <si>
    <t>ForeColor</t>
  </si>
  <si>
    <t>BackColor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12B4A811-2A6C-4E8F-8CD9-13886FAD508A}" name="テーブル1" displayName="テーブル1" ref="A1:E7" totalsRowShown="0">
  <autoFilter ref="A1:E7" xr:uid="{E9560C77-CAD1-4CC4-B950-59859B4AA9AE}"/>
  <tableColumns count="5">
    <tableColumn id="1" xr3:uid="{D7EE3997-6D2A-4DF1-8192-C06C66AF96B5}" name="ID"/>
    <tableColumn id="2" xr3:uid="{E10FB9D3-1601-44E6-BC88-CCC93553C39D}" name="TERMINATOR"/>
    <tableColumn id="3" xr3:uid="{1D009382-186A-44FF-9724-74AC80191BB0}" name="MAX_LENGTH"/>
    <tableColumn id="4" xr3:uid="{91C9FEA9-97E4-4B4F-98FC-C6AD98A3DA86}" name="SOURCE"/>
    <tableColumn id="5" xr3:uid="{586F40B4-EEFA-46C8-ADB8-38A9E77813C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1"/>
  <sheetViews>
    <sheetView tabSelected="1" workbookViewId="0">
      <selection sqref="A1:C1"/>
    </sheetView>
  </sheetViews>
  <sheetFormatPr defaultRowHeight="18.75" x14ac:dyDescent="0.4"/>
  <sheetData>
    <row r="1" spans="1:3" x14ac:dyDescent="0.4">
      <c r="A1" s="1" t="s">
        <v>0</v>
      </c>
      <c r="B1" s="2" t="s">
        <v>1</v>
      </c>
      <c r="C1" s="1" t="s">
        <v>2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7"/>
  <sheetViews>
    <sheetView workbookViewId="0">
      <selection sqref="A1:E7"/>
    </sheetView>
  </sheetViews>
  <sheetFormatPr defaultRowHeight="18.75" x14ac:dyDescent="0.4"/>
  <sheetData>
    <row r="1" spans="1:5" x14ac:dyDescent="0.4">
      <c r="A1" t="s">
        <v>3</v>
      </c>
      <c r="B1" t="s">
        <v>4</v>
      </c>
      <c r="C1" t="s">
        <v>5</v>
      </c>
      <c r="D1" t="s">
        <v>6</v>
      </c>
      <c r="E1" t="s">
        <v>7</v>
      </c>
    </row>
    <row r="2" spans="1:5" x14ac:dyDescent="0.4">
      <c r="A2">
        <v>1</v>
      </c>
      <c r="B2" s="3" t="s">
        <v>8</v>
      </c>
      <c r="C2">
        <v>12</v>
      </c>
      <c r="E2" s="3"/>
    </row>
    <row r="3" spans="1:5" x14ac:dyDescent="0.4">
      <c r="A3">
        <v>2</v>
      </c>
      <c r="B3" s="3" t="s">
        <v>8</v>
      </c>
      <c r="C3">
        <v>12</v>
      </c>
      <c r="E3" s="3"/>
    </row>
    <row r="4" spans="1:5" x14ac:dyDescent="0.4">
      <c r="A4">
        <v>3</v>
      </c>
      <c r="B4" s="3" t="s">
        <v>9</v>
      </c>
      <c r="C4">
        <v>12</v>
      </c>
      <c r="E4" s="3"/>
    </row>
    <row r="5" spans="1:5" x14ac:dyDescent="0.4">
      <c r="B5" s="3"/>
      <c r="D5">
        <v>1</v>
      </c>
      <c r="E5" s="3" t="s">
        <v>0</v>
      </c>
    </row>
    <row r="6" spans="1:5" x14ac:dyDescent="0.4">
      <c r="B6" s="3"/>
      <c r="D6">
        <v>2</v>
      </c>
      <c r="E6" s="3" t="s">
        <v>1</v>
      </c>
    </row>
    <row r="7" spans="1:5" x14ac:dyDescent="0.4">
      <c r="B7" s="3"/>
      <c r="D7">
        <v>3</v>
      </c>
      <c r="E7" s="3" t="s">
        <v>2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olorTemp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1:59:12Z</dcterms:created>
  <dcterms:modified xsi:type="dcterms:W3CDTF">2024-02-26T04:27:56Z</dcterms:modified>
</cp:coreProperties>
</file>